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925A25C9-378F-4204-9F9D-49C974E7D441}" v="4" dt="2024-07-14T12:31:23.581"/>
  </p1510:revLst>
</p1510:revInfo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1" d="100"/>
          <a:sy n="71" d="100"/>
        </p:scale>
        <p:origin x="1896" y="5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10" Type="http://schemas.microsoft.com/office/2015/10/relationships/revisionInfo" Target="revisionInfo.xml"/><Relationship Id="rId4" Type="http://schemas.openxmlformats.org/officeDocument/2006/relationships/tags" Target="tags/tag1.xml"/><Relationship Id="rId9" Type="http://schemas.microsoft.com/office/2016/11/relationships/changesInfo" Target="changesInfos/changesInfo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Ayush Babde" userId="a5c3393113e0c482" providerId="LiveId" clId="{925A25C9-378F-4204-9F9D-49C974E7D441}"/>
    <pc:docChg chg="custSel modSld">
      <pc:chgData name="Ayush Babde" userId="a5c3393113e0c482" providerId="LiveId" clId="{925A25C9-378F-4204-9F9D-49C974E7D441}" dt="2024-07-14T12:31:41.265" v="41" actId="14100"/>
      <pc:docMkLst>
        <pc:docMk/>
      </pc:docMkLst>
      <pc:sldChg chg="addSp delSp modSp mod">
        <pc:chgData name="Ayush Babde" userId="a5c3393113e0c482" providerId="LiveId" clId="{925A25C9-378F-4204-9F9D-49C974E7D441}" dt="2024-07-14T12:31:41.265" v="41" actId="14100"/>
        <pc:sldMkLst>
          <pc:docMk/>
          <pc:sldMk cId="629606736" sldId="573"/>
        </pc:sldMkLst>
        <pc:graphicFrameChg chg="add del mod modGraphic">
          <ac:chgData name="Ayush Babde" userId="a5c3393113e0c482" providerId="LiveId" clId="{925A25C9-378F-4204-9F9D-49C974E7D441}" dt="2024-07-14T12:28:42.073" v="12" actId="478"/>
          <ac:graphicFrameMkLst>
            <pc:docMk/>
            <pc:sldMk cId="629606736" sldId="573"/>
            <ac:graphicFrameMk id="3" creationId="{1EA4B0CE-4FB7-6321-31D3-5A7F0F8B3E0F}"/>
          </ac:graphicFrameMkLst>
        </pc:graphicFrameChg>
        <pc:graphicFrameChg chg="add mod modGraphic">
          <ac:chgData name="Ayush Babde" userId="a5c3393113e0c482" providerId="LiveId" clId="{925A25C9-378F-4204-9F9D-49C974E7D441}" dt="2024-07-14T12:29:52.769" v="18" actId="14100"/>
          <ac:graphicFrameMkLst>
            <pc:docMk/>
            <pc:sldMk cId="629606736" sldId="573"/>
            <ac:graphicFrameMk id="4" creationId="{B85FB939-CD79-FB02-79C5-9FA22796B5E0}"/>
          </ac:graphicFrameMkLst>
        </pc:graphicFrameChg>
        <pc:graphicFrameChg chg="add mod modGraphic">
          <ac:chgData name="Ayush Babde" userId="a5c3393113e0c482" providerId="LiveId" clId="{925A25C9-378F-4204-9F9D-49C974E7D441}" dt="2024-07-14T12:31:03.706" v="35" actId="14100"/>
          <ac:graphicFrameMkLst>
            <pc:docMk/>
            <pc:sldMk cId="629606736" sldId="573"/>
            <ac:graphicFrameMk id="5" creationId="{E7E16A47-7C5C-A155-F041-5EC2ACC47CF5}"/>
          </ac:graphicFrameMkLst>
        </pc:graphicFrameChg>
        <pc:graphicFrameChg chg="add mod modGraphic">
          <ac:chgData name="Ayush Babde" userId="a5c3393113e0c482" providerId="LiveId" clId="{925A25C9-378F-4204-9F9D-49C974E7D441}" dt="2024-07-14T12:31:41.265" v="41" actId="14100"/>
          <ac:graphicFrameMkLst>
            <pc:docMk/>
            <pc:sldMk cId="629606736" sldId="573"/>
            <ac:graphicFrameMk id="6" creationId="{7F1FCCE0-5654-16FC-A3F7-9531A884D338}"/>
          </ac:graphicFrameMkLst>
        </pc:graphicFrame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7/14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  <a:p>
            <a:pPr algn="ctr"/>
            <a:endParaRPr lang="en-GB" sz="900" b="1" dirty="0">
              <a:solidFill>
                <a:schemeClr val="accent1"/>
              </a:solidFill>
            </a:endParaRPr>
          </a:p>
          <a:p>
            <a:pPr algn="ctr"/>
            <a:endParaRPr lang="en-GB" sz="900" b="1" dirty="0">
              <a:solidFill>
                <a:schemeClr val="accent1"/>
              </a:solidFill>
            </a:endParaRPr>
          </a:p>
          <a:p>
            <a:pPr algn="ctr"/>
            <a:endParaRPr lang="en-GB" sz="900" b="1" dirty="0">
              <a:solidFill>
                <a:schemeClr val="accent1"/>
              </a:solidFill>
            </a:endParaRP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B85FB939-CD79-FB02-79C5-9FA22796B5E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11579666"/>
              </p:ext>
            </p:extLst>
          </p:nvPr>
        </p:nvGraphicFramePr>
        <p:xfrm>
          <a:off x="795340" y="1461844"/>
          <a:ext cx="9107483" cy="3915530"/>
        </p:xfrm>
        <a:graphic>
          <a:graphicData uri="http://schemas.openxmlformats.org/drawingml/2006/table">
            <a:tbl>
              <a:tblPr/>
              <a:tblGrid>
                <a:gridCol w="558687">
                  <a:extLst>
                    <a:ext uri="{9D8B030D-6E8A-4147-A177-3AD203B41FA5}">
                      <a16:colId xmlns:a16="http://schemas.microsoft.com/office/drawing/2014/main" val="4055825681"/>
                    </a:ext>
                  </a:extLst>
                </a:gridCol>
                <a:gridCol w="558687">
                  <a:extLst>
                    <a:ext uri="{9D8B030D-6E8A-4147-A177-3AD203B41FA5}">
                      <a16:colId xmlns:a16="http://schemas.microsoft.com/office/drawing/2014/main" val="2697929728"/>
                    </a:ext>
                  </a:extLst>
                </a:gridCol>
                <a:gridCol w="558687">
                  <a:extLst>
                    <a:ext uri="{9D8B030D-6E8A-4147-A177-3AD203B41FA5}">
                      <a16:colId xmlns:a16="http://schemas.microsoft.com/office/drawing/2014/main" val="207885404"/>
                    </a:ext>
                  </a:extLst>
                </a:gridCol>
                <a:gridCol w="425666">
                  <a:extLst>
                    <a:ext uri="{9D8B030D-6E8A-4147-A177-3AD203B41FA5}">
                      <a16:colId xmlns:a16="http://schemas.microsoft.com/office/drawing/2014/main" val="567652917"/>
                    </a:ext>
                  </a:extLst>
                </a:gridCol>
                <a:gridCol w="425666">
                  <a:extLst>
                    <a:ext uri="{9D8B030D-6E8A-4147-A177-3AD203B41FA5}">
                      <a16:colId xmlns:a16="http://schemas.microsoft.com/office/drawing/2014/main" val="679460424"/>
                    </a:ext>
                  </a:extLst>
                </a:gridCol>
                <a:gridCol w="44341">
                  <a:extLst>
                    <a:ext uri="{9D8B030D-6E8A-4147-A177-3AD203B41FA5}">
                      <a16:colId xmlns:a16="http://schemas.microsoft.com/office/drawing/2014/main" val="654066232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2841597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1112210185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1655852290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3362404592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2813226526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1369100298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4138215625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3579892346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2323370913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3985328779"/>
                    </a:ext>
                  </a:extLst>
                </a:gridCol>
                <a:gridCol w="594159">
                  <a:extLst>
                    <a:ext uri="{9D8B030D-6E8A-4147-A177-3AD203B41FA5}">
                      <a16:colId xmlns:a16="http://schemas.microsoft.com/office/drawing/2014/main" val="99162633"/>
                    </a:ext>
                  </a:extLst>
                </a:gridCol>
              </a:tblGrid>
              <a:tr h="287123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90360235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5336" marR="5336" marT="5336" marB="32019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27049979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Revenue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47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71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98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22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43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62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77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397446896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9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3%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6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2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607949601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EBITDA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29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2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5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7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41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42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06853569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6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5171420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5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67566141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3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34528133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59146219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4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7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6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6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6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34418707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6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4400209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2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4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8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9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83363551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16554887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41357005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84089801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94664541"/>
                  </a:ext>
                </a:extLst>
              </a:tr>
              <a:tr h="2014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10112134"/>
                  </a:ext>
                </a:extLst>
              </a:tr>
              <a:tr h="2014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25624886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97630039"/>
                  </a:ext>
                </a:extLst>
              </a:tr>
              <a:tr h="201419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13172427"/>
                  </a:ext>
                </a:extLst>
              </a:tr>
              <a:tr h="116158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7%)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38050365"/>
                  </a:ext>
                </a:extLst>
              </a:tr>
              <a:tr h="287123">
                <a:tc>
                  <a:txBody>
                    <a:bodyPr/>
                    <a:lstStyle/>
                    <a:p>
                      <a:pPr algn="l" fontAlgn="ctr"/>
                      <a:r>
                        <a:rPr lang="en-IN" sz="7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Unlevered free cash flow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l" fontAlgn="ctr"/>
                      <a:endParaRPr lang="en-IN" sz="7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1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3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7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0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600" b="1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1 </a:t>
                      </a:r>
                    </a:p>
                  </a:txBody>
                  <a:tcPr marL="5336" marR="5336" marT="5336" marB="32019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93696821"/>
                  </a:ext>
                </a:extLst>
              </a:tr>
            </a:tbl>
          </a:graphicData>
        </a:graphic>
      </p:graphicFrame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E7E16A47-7C5C-A155-F041-5EC2ACC47CF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41027736"/>
              </p:ext>
            </p:extLst>
          </p:nvPr>
        </p:nvGraphicFramePr>
        <p:xfrm>
          <a:off x="591671" y="5711193"/>
          <a:ext cx="4279391" cy="1851660"/>
        </p:xfrm>
        <a:graphic>
          <a:graphicData uri="http://schemas.openxmlformats.org/drawingml/2006/table">
            <a:tbl>
              <a:tblPr/>
              <a:tblGrid>
                <a:gridCol w="1932693">
                  <a:extLst>
                    <a:ext uri="{9D8B030D-6E8A-4147-A177-3AD203B41FA5}">
                      <a16:colId xmlns:a16="http://schemas.microsoft.com/office/drawing/2014/main" val="2976287680"/>
                    </a:ext>
                  </a:extLst>
                </a:gridCol>
                <a:gridCol w="600983">
                  <a:extLst>
                    <a:ext uri="{9D8B030D-6E8A-4147-A177-3AD203B41FA5}">
                      <a16:colId xmlns:a16="http://schemas.microsoft.com/office/drawing/2014/main" val="3723510598"/>
                    </a:ext>
                  </a:extLst>
                </a:gridCol>
                <a:gridCol w="600983">
                  <a:extLst>
                    <a:ext uri="{9D8B030D-6E8A-4147-A177-3AD203B41FA5}">
                      <a16:colId xmlns:a16="http://schemas.microsoft.com/office/drawing/2014/main" val="2490924300"/>
                    </a:ext>
                  </a:extLst>
                </a:gridCol>
                <a:gridCol w="572366">
                  <a:extLst>
                    <a:ext uri="{9D8B030D-6E8A-4147-A177-3AD203B41FA5}">
                      <a16:colId xmlns:a16="http://schemas.microsoft.com/office/drawing/2014/main" val="1328406100"/>
                    </a:ext>
                  </a:extLst>
                </a:gridCol>
                <a:gridCol w="572366">
                  <a:extLst>
                    <a:ext uri="{9D8B030D-6E8A-4147-A177-3AD203B41FA5}">
                      <a16:colId xmlns:a16="http://schemas.microsoft.com/office/drawing/2014/main" val="2387383836"/>
                    </a:ext>
                  </a:extLst>
                </a:gridCol>
              </a:tblGrid>
              <a:tr h="178308">
                <a:tc rowSpan="2" gridSpan="3">
                  <a:txBody>
                    <a:bodyPr/>
                    <a:lstStyle/>
                    <a:p>
                      <a:pPr algn="l" rtl="0" fontAlgn="ctr"/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Value Based on 8.5% WACC &amp; 0.5% TGR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Amount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% of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42362409"/>
                  </a:ext>
                </a:extLst>
              </a:tr>
              <a:tr h="178308">
                <a:tc gridSpan="3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($m)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NPV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27383662"/>
                  </a:ext>
                </a:extLst>
              </a:tr>
              <a:tr h="178308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resent Value of Cashflows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7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0.8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19644942"/>
                  </a:ext>
                </a:extLst>
              </a:tr>
              <a:tr h="178308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V of Terminal Value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9.2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29747671"/>
                  </a:ext>
                </a:extLst>
              </a:tr>
              <a:tr h="178308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Implied Firm NPV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01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94556261"/>
                  </a:ext>
                </a:extLst>
              </a:tr>
              <a:tr h="178308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debt &amp; adjustments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85)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052836542"/>
                  </a:ext>
                </a:extLst>
              </a:tr>
              <a:tr h="178308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Implied equity value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16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74817556"/>
                  </a:ext>
                </a:extLst>
              </a:tr>
              <a:tr h="178308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share price ($c)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60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26930140"/>
                  </a:ext>
                </a:extLst>
              </a:tr>
              <a:tr h="178308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premium to current</a:t>
                      </a:r>
                    </a:p>
                  </a:txBody>
                  <a:tcPr marL="6858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8.2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182520866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7F1FCCE0-5654-16FC-A3F7-9531A884D33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06279520"/>
              </p:ext>
            </p:extLst>
          </p:nvPr>
        </p:nvGraphicFramePr>
        <p:xfrm>
          <a:off x="5623559" y="5843432"/>
          <a:ext cx="4768323" cy="1577813"/>
        </p:xfrm>
        <a:graphic>
          <a:graphicData uri="http://schemas.openxmlformats.org/drawingml/2006/table">
            <a:tbl>
              <a:tblPr/>
              <a:tblGrid>
                <a:gridCol w="681189">
                  <a:extLst>
                    <a:ext uri="{9D8B030D-6E8A-4147-A177-3AD203B41FA5}">
                      <a16:colId xmlns:a16="http://schemas.microsoft.com/office/drawing/2014/main" val="947148569"/>
                    </a:ext>
                  </a:extLst>
                </a:gridCol>
                <a:gridCol w="681189">
                  <a:extLst>
                    <a:ext uri="{9D8B030D-6E8A-4147-A177-3AD203B41FA5}">
                      <a16:colId xmlns:a16="http://schemas.microsoft.com/office/drawing/2014/main" val="3431553314"/>
                    </a:ext>
                  </a:extLst>
                </a:gridCol>
                <a:gridCol w="681189">
                  <a:extLst>
                    <a:ext uri="{9D8B030D-6E8A-4147-A177-3AD203B41FA5}">
                      <a16:colId xmlns:a16="http://schemas.microsoft.com/office/drawing/2014/main" val="936190351"/>
                    </a:ext>
                  </a:extLst>
                </a:gridCol>
                <a:gridCol w="681189">
                  <a:extLst>
                    <a:ext uri="{9D8B030D-6E8A-4147-A177-3AD203B41FA5}">
                      <a16:colId xmlns:a16="http://schemas.microsoft.com/office/drawing/2014/main" val="825174157"/>
                    </a:ext>
                  </a:extLst>
                </a:gridCol>
                <a:gridCol w="681189">
                  <a:extLst>
                    <a:ext uri="{9D8B030D-6E8A-4147-A177-3AD203B41FA5}">
                      <a16:colId xmlns:a16="http://schemas.microsoft.com/office/drawing/2014/main" val="2995953986"/>
                    </a:ext>
                  </a:extLst>
                </a:gridCol>
                <a:gridCol w="681189">
                  <a:extLst>
                    <a:ext uri="{9D8B030D-6E8A-4147-A177-3AD203B41FA5}">
                      <a16:colId xmlns:a16="http://schemas.microsoft.com/office/drawing/2014/main" val="3959641359"/>
                    </a:ext>
                  </a:extLst>
                </a:gridCol>
                <a:gridCol w="681189">
                  <a:extLst>
                    <a:ext uri="{9D8B030D-6E8A-4147-A177-3AD203B41FA5}">
                      <a16:colId xmlns:a16="http://schemas.microsoft.com/office/drawing/2014/main" val="1187094249"/>
                    </a:ext>
                  </a:extLst>
                </a:gridCol>
              </a:tblGrid>
              <a:tr h="245879">
                <a:tc>
                  <a:txBody>
                    <a:bodyPr/>
                    <a:lstStyle/>
                    <a:p>
                      <a:pPr algn="l" rtl="0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IN" sz="1000" b="0" i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Perpetuity Growth Rate (%)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762804601"/>
                  </a:ext>
                </a:extLst>
              </a:tr>
              <a:tr h="221989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IN" sz="1000" b="0" i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WACC (%)</a:t>
                      </a:r>
                    </a:p>
                  </a:txBody>
                  <a:tcPr marL="7620" marR="7620" marT="7620" vert="vert27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00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25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50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75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1.00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03795262"/>
                  </a:ext>
                </a:extLst>
              </a:tr>
              <a:tr h="22198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7.5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6 / 403c</a:t>
                      </a:r>
                    </a:p>
                  </a:txBody>
                  <a:tcPr marL="7620" marR="7620" marT="762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70 / 395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70 / 395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6 / 403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21 / 420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77884739"/>
                  </a:ext>
                </a:extLst>
              </a:tr>
              <a:tr h="22198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8.0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53 / 436c </a:t>
                      </a:r>
                    </a:p>
                  </a:txBody>
                  <a:tcPr marL="7620" marR="7620" marT="762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4 / 427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4 / 427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53 / 436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95 / 457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34565"/>
                  </a:ext>
                </a:extLst>
              </a:tr>
              <a:tr h="22198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8.5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53 / 436c </a:t>
                      </a:r>
                    </a:p>
                  </a:txBody>
                  <a:tcPr marL="7620" marR="7620" marT="762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4 / 427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4 / 427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53 / 436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95 / 457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73512065"/>
                  </a:ext>
                </a:extLst>
              </a:tr>
              <a:tr h="22198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6 / 403c </a:t>
                      </a:r>
                    </a:p>
                  </a:txBody>
                  <a:tcPr marL="7620" marR="7620" marT="762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70 / 395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70 / 395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86 / 403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21 / 420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2796513"/>
                  </a:ext>
                </a:extLst>
              </a:tr>
              <a:tr h="221989"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9.5%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6 / 347c </a:t>
                      </a:r>
                    </a:p>
                  </a:txBody>
                  <a:tcPr marL="7620" marR="7620" marT="762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65 / 342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65 / 342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6 / 347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01 / 360c </a:t>
                      </a:r>
                    </a:p>
                  </a:txBody>
                  <a:tcPr marL="7620" marR="7620" marT="762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1227994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18</TotalTime>
  <Words>704</Words>
  <Application>Microsoft Office PowerPoint</Application>
  <PresentationFormat>Custom</PresentationFormat>
  <Paragraphs>321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Ayush Babde</cp:lastModifiedBy>
  <cp:revision>866</cp:revision>
  <cp:lastPrinted>2020-01-28T09:55:08Z</cp:lastPrinted>
  <dcterms:created xsi:type="dcterms:W3CDTF">2015-06-19T14:55:37Z</dcterms:created>
  <dcterms:modified xsi:type="dcterms:W3CDTF">2024-07-14T12:31:47Z</dcterms:modified>
</cp:coreProperties>
</file>